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7472\Documents\"/>
    </mc:Choice>
  </mc:AlternateContent>
  <xr:revisionPtr revIDLastSave="0" documentId="13_ncr:1_{9D3A6001-AA52-4137-AEE8-AA1564E07FFD}" xr6:coauthVersionLast="47" xr6:coauthVersionMax="47" xr10:uidLastSave="{00000000-0000-0000-0000-000000000000}"/>
  <bookViews>
    <workbookView xWindow="-120" yWindow="-120" windowWidth="29040" windowHeight="15720" xr2:uid="{8DFC27F8-6900-460E-9772-E2AFCD713B8B}"/>
  </bookViews>
  <sheets>
    <sheet name="土木工事" sheetId="2" r:id="rId1"/>
  </sheets>
  <definedNames>
    <definedName name="_xlnm.Print_Area" localSheetId="0">土木工事!$A$1:$N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6" uniqueCount="39">
  <si>
    <t>注）発注者が提示する本工事の数量総括表の工種、種別、細別に対応して単価、数量、金額を記入するものとする。</t>
    <rPh sb="0" eb="1">
      <t>チュウ</t>
    </rPh>
    <phoneticPr fontId="1"/>
  </si>
  <si>
    <t>注）本内訳書は、第１回の入札に際し提出を求めるものである。</t>
    <rPh sb="0" eb="1">
      <t>チュウ</t>
    </rPh>
    <phoneticPr fontId="1"/>
  </si>
  <si>
    <t>式</t>
    <rPh sb="0" eb="1">
      <t>シキ</t>
    </rPh>
    <phoneticPr fontId="1"/>
  </si>
  <si>
    <t>工事費計</t>
    <rPh sb="0" eb="4">
      <t>コウジヒケイ</t>
    </rPh>
    <phoneticPr fontId="1"/>
  </si>
  <si>
    <t>消費税相当額</t>
    <rPh sb="0" eb="6">
      <t>ショウヒゼイソウトウガク</t>
    </rPh>
    <phoneticPr fontId="1"/>
  </si>
  <si>
    <t>工事価格</t>
    <rPh sb="0" eb="4">
      <t>コウジカカク</t>
    </rPh>
    <phoneticPr fontId="1"/>
  </si>
  <si>
    <t>一般管理費等</t>
    <rPh sb="0" eb="5">
      <t>イッパンカンリヒ</t>
    </rPh>
    <rPh sb="5" eb="6">
      <t>トウ</t>
    </rPh>
    <phoneticPr fontId="1"/>
  </si>
  <si>
    <t>　うち安全衛生経費</t>
    <rPh sb="3" eb="9">
      <t>アンゼンエイセイケイヒ</t>
    </rPh>
    <phoneticPr fontId="1"/>
  </si>
  <si>
    <t>工事原価</t>
    <rPh sb="0" eb="4">
      <t>コウジゲンカ</t>
    </rPh>
    <phoneticPr fontId="1"/>
  </si>
  <si>
    <t>　　うち建退共制度の掛金</t>
    <rPh sb="4" eb="7">
      <t>ケンタイキョウ</t>
    </rPh>
    <rPh sb="7" eb="9">
      <t>セイド</t>
    </rPh>
    <rPh sb="10" eb="12">
      <t>カケキン</t>
    </rPh>
    <phoneticPr fontId="1"/>
  </si>
  <si>
    <t>　　うち法定福利費の事業主負担額</t>
    <rPh sb="4" eb="9">
      <t>ホウテイフクリヒ</t>
    </rPh>
    <rPh sb="10" eb="15">
      <t>ジギョウヌシフタン</t>
    </rPh>
    <rPh sb="15" eb="16">
      <t>ガク</t>
    </rPh>
    <phoneticPr fontId="1"/>
  </si>
  <si>
    <t>　現場管理費</t>
    <rPh sb="1" eb="6">
      <t>ゲンバカンリヒ</t>
    </rPh>
    <phoneticPr fontId="1"/>
  </si>
  <si>
    <t>純工事費</t>
    <rPh sb="0" eb="4">
      <t>ジュンコウジヒ</t>
    </rPh>
    <phoneticPr fontId="1"/>
  </si>
  <si>
    <t>　共通仮設費（率計上）</t>
    <rPh sb="1" eb="6">
      <t>キョウツウカセツヒ</t>
    </rPh>
    <rPh sb="7" eb="10">
      <t>リツケイジョウ</t>
    </rPh>
    <phoneticPr fontId="1"/>
  </si>
  <si>
    <t>共通仮設費</t>
    <rPh sb="0" eb="5">
      <t>キョウツウカセツヒ</t>
    </rPh>
    <phoneticPr fontId="1"/>
  </si>
  <si>
    <t>　うち労務費</t>
    <rPh sb="3" eb="6">
      <t>ロウムヒ</t>
    </rPh>
    <phoneticPr fontId="1"/>
  </si>
  <si>
    <t>　うち材料費</t>
    <rPh sb="3" eb="6">
      <t>ザイリョウヒ</t>
    </rPh>
    <phoneticPr fontId="1"/>
  </si>
  <si>
    <t>直接工事費</t>
    <rPh sb="0" eb="5">
      <t>チョクセツコウジヒ</t>
    </rPh>
    <phoneticPr fontId="1"/>
  </si>
  <si>
    <t>…</t>
    <phoneticPr fontId="1"/>
  </si>
  <si>
    <t>　　　　…</t>
    <phoneticPr fontId="1"/>
  </si>
  <si>
    <t>m3</t>
    <phoneticPr fontId="1"/>
  </si>
  <si>
    <t>　　　掘削</t>
    <rPh sb="3" eb="5">
      <t>クッサク</t>
    </rPh>
    <phoneticPr fontId="1"/>
  </si>
  <si>
    <t>　　掘削工</t>
    <rPh sb="2" eb="5">
      <t>クッサクコウ</t>
    </rPh>
    <phoneticPr fontId="1"/>
  </si>
  <si>
    <t>　道路土工</t>
    <rPh sb="1" eb="3">
      <t>ドウロ</t>
    </rPh>
    <rPh sb="3" eb="5">
      <t>ドコウ</t>
    </rPh>
    <phoneticPr fontId="1"/>
  </si>
  <si>
    <t>道路改良</t>
    <rPh sb="0" eb="4">
      <t>ドウロカイリョウ</t>
    </rPh>
    <phoneticPr fontId="1"/>
  </si>
  <si>
    <t>金額</t>
    <rPh sb="0" eb="2">
      <t>キンガク</t>
    </rPh>
    <phoneticPr fontId="1"/>
  </si>
  <si>
    <t>単価</t>
    <rPh sb="0" eb="2">
      <t>タンカ</t>
    </rPh>
    <phoneticPr fontId="1"/>
  </si>
  <si>
    <t>数量</t>
    <rPh sb="0" eb="2">
      <t>スウリョウ</t>
    </rPh>
    <phoneticPr fontId="1"/>
  </si>
  <si>
    <t>単位</t>
    <rPh sb="0" eb="2">
      <t>タンイ</t>
    </rPh>
    <phoneticPr fontId="1"/>
  </si>
  <si>
    <t>規格</t>
    <rPh sb="0" eb="2">
      <t>キカク</t>
    </rPh>
    <phoneticPr fontId="1"/>
  </si>
  <si>
    <t>工事区分・工種・種別・細別</t>
    <rPh sb="0" eb="4">
      <t>コウジクブン</t>
    </rPh>
    <rPh sb="5" eb="7">
      <t>コウシュ</t>
    </rPh>
    <rPh sb="8" eb="10">
      <t>シュベツ</t>
    </rPh>
    <rPh sb="11" eb="13">
      <t>サイベツ</t>
    </rPh>
    <phoneticPr fontId="1"/>
  </si>
  <si>
    <t>工事名：○○○○工事</t>
    <rPh sb="0" eb="3">
      <t>コウジメイ</t>
    </rPh>
    <rPh sb="8" eb="10">
      <t>コウジ</t>
    </rPh>
    <phoneticPr fontId="1"/>
  </si>
  <si>
    <t>工　事　費　内　訳　書</t>
    <rPh sb="0" eb="1">
      <t>コウ</t>
    </rPh>
    <rPh sb="2" eb="3">
      <t>コト</t>
    </rPh>
    <rPh sb="4" eb="5">
      <t>ヒ</t>
    </rPh>
    <rPh sb="6" eb="7">
      <t>ナイ</t>
    </rPh>
    <rPh sb="8" eb="9">
      <t>ヤク</t>
    </rPh>
    <rPh sb="10" eb="11">
      <t>ショ</t>
    </rPh>
    <phoneticPr fontId="1"/>
  </si>
  <si>
    <t>代表者　氏名</t>
    <rPh sb="0" eb="3">
      <t>ダイヒョウシャ</t>
    </rPh>
    <rPh sb="4" eb="6">
      <t>シメイ</t>
    </rPh>
    <phoneticPr fontId="1"/>
  </si>
  <si>
    <t>商号又は名称</t>
    <rPh sb="0" eb="3">
      <t>ショウゴウマタ</t>
    </rPh>
    <rPh sb="4" eb="6">
      <t>メイショウ</t>
    </rPh>
    <phoneticPr fontId="1"/>
  </si>
  <si>
    <t>住所</t>
    <rPh sb="0" eb="2">
      <t>ジュウショ</t>
    </rPh>
    <phoneticPr fontId="1"/>
  </si>
  <si>
    <t>沖縄市長　○○　○○　様</t>
    <rPh sb="0" eb="4">
      <t>オキナワシチョウ</t>
    </rPh>
    <rPh sb="11" eb="12">
      <t>サマ</t>
    </rPh>
    <phoneticPr fontId="1"/>
  </si>
  <si>
    <t>令和○年○○月○○日</t>
    <rPh sb="0" eb="2">
      <t>レイワ</t>
    </rPh>
    <rPh sb="9" eb="10">
      <t>ニチ</t>
    </rPh>
    <phoneticPr fontId="1"/>
  </si>
  <si>
    <t>参考様式</t>
    <rPh sb="0" eb="4">
      <t>サンコウヨウシ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8"/>
      <color theme="1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4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1" xfId="0" applyBorder="1" applyAlignment="1">
      <alignment horizontal="left" vertical="center"/>
    </xf>
    <xf numFmtId="0" fontId="0" fillId="0" borderId="1" xfId="0" applyBorder="1" applyAlignment="1">
      <alignment horizontal="center" vertical="center"/>
    </xf>
    <xf numFmtId="3" fontId="0" fillId="0" borderId="1" xfId="0" applyNumberFormat="1" applyBorder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2" fillId="0" borderId="0" xfId="0" applyFont="1">
      <alignment vertical="center"/>
    </xf>
    <xf numFmtId="0" fontId="0" fillId="0" borderId="0" xfId="0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B71F2F6-59DC-4378-B35A-F33BA6094DBE}">
  <dimension ref="B1:P33"/>
  <sheetViews>
    <sheetView tabSelected="1" view="pageBreakPreview" topLeftCell="A2" zoomScale="60" zoomScaleNormal="100" workbookViewId="0">
      <selection activeCell="F9" sqref="F9"/>
    </sheetView>
  </sheetViews>
  <sheetFormatPr defaultRowHeight="18.75" x14ac:dyDescent="0.4"/>
  <cols>
    <col min="10" max="10" width="6.625" customWidth="1"/>
    <col min="13" max="14" width="12.625" customWidth="1"/>
  </cols>
  <sheetData>
    <row r="1" spans="2:16" ht="15.95" customHeight="1" x14ac:dyDescent="0.4">
      <c r="B1" t="s">
        <v>38</v>
      </c>
    </row>
    <row r="2" spans="2:16" ht="15.95" customHeight="1" x14ac:dyDescent="0.4">
      <c r="N2" s="13" t="s">
        <v>37</v>
      </c>
      <c r="P2" s="13"/>
    </row>
    <row r="3" spans="2:16" ht="15.95" customHeight="1" x14ac:dyDescent="0.4">
      <c r="C3" t="s">
        <v>36</v>
      </c>
    </row>
    <row r="4" spans="2:16" ht="15.95" customHeight="1" x14ac:dyDescent="0.4">
      <c r="L4" t="s">
        <v>35</v>
      </c>
    </row>
    <row r="5" spans="2:16" ht="15.95" customHeight="1" x14ac:dyDescent="0.4">
      <c r="F5" s="12"/>
      <c r="G5" s="12"/>
      <c r="H5" s="12"/>
      <c r="I5" s="12"/>
      <c r="J5" s="12"/>
      <c r="L5" t="s">
        <v>34</v>
      </c>
    </row>
    <row r="6" spans="2:16" ht="15.95" customHeight="1" x14ac:dyDescent="0.4">
      <c r="F6" s="12"/>
      <c r="G6" s="12"/>
      <c r="H6" s="12"/>
      <c r="I6" s="12"/>
      <c r="J6" s="12"/>
      <c r="L6" t="s">
        <v>33</v>
      </c>
    </row>
    <row r="7" spans="2:16" ht="15.95" customHeight="1" x14ac:dyDescent="0.4">
      <c r="F7" s="11" t="s">
        <v>32</v>
      </c>
      <c r="G7" s="11"/>
      <c r="H7" s="11"/>
      <c r="I7" s="11"/>
      <c r="J7" s="11"/>
      <c r="K7" s="11"/>
    </row>
    <row r="8" spans="2:16" ht="15.95" customHeight="1" x14ac:dyDescent="0.4">
      <c r="F8" s="11"/>
      <c r="G8" s="11"/>
      <c r="H8" s="11"/>
      <c r="I8" s="11"/>
      <c r="J8" s="11"/>
      <c r="K8" s="11"/>
    </row>
    <row r="9" spans="2:16" ht="15.95" customHeight="1" x14ac:dyDescent="0.4">
      <c r="C9" t="s">
        <v>31</v>
      </c>
    </row>
    <row r="10" spans="2:16" ht="15.95" customHeight="1" x14ac:dyDescent="0.4">
      <c r="C10" s="7" t="s">
        <v>30</v>
      </c>
      <c r="D10" s="7"/>
      <c r="E10" s="7"/>
      <c r="F10" s="7"/>
      <c r="G10" s="7" t="s">
        <v>29</v>
      </c>
      <c r="H10" s="7"/>
      <c r="I10" s="7"/>
      <c r="J10" s="7" t="s">
        <v>28</v>
      </c>
      <c r="K10" s="7" t="s">
        <v>27</v>
      </c>
      <c r="L10" s="7" t="s">
        <v>26</v>
      </c>
      <c r="M10" s="7" t="s">
        <v>25</v>
      </c>
      <c r="N10" s="10"/>
      <c r="O10" s="9"/>
    </row>
    <row r="11" spans="2:16" ht="15.95" customHeight="1" x14ac:dyDescent="0.4">
      <c r="C11" s="7"/>
      <c r="D11" s="7"/>
      <c r="E11" s="7"/>
      <c r="F11" s="7"/>
      <c r="G11" s="7"/>
      <c r="H11" s="7"/>
      <c r="I11" s="7"/>
      <c r="J11" s="7"/>
      <c r="K11" s="7"/>
      <c r="L11" s="7"/>
      <c r="M11" s="7"/>
      <c r="N11" s="10"/>
      <c r="O11" s="9"/>
    </row>
    <row r="12" spans="2:16" ht="15.95" customHeight="1" x14ac:dyDescent="0.4">
      <c r="C12" s="6" t="s">
        <v>24</v>
      </c>
      <c r="D12" s="6"/>
      <c r="E12" s="6"/>
      <c r="F12" s="6"/>
      <c r="G12" s="7"/>
      <c r="H12" s="7"/>
      <c r="I12" s="7"/>
      <c r="J12" s="2" t="s">
        <v>2</v>
      </c>
      <c r="K12" s="1">
        <v>1</v>
      </c>
      <c r="L12" s="1"/>
      <c r="M12" s="1"/>
    </row>
    <row r="13" spans="2:16" ht="15.95" customHeight="1" x14ac:dyDescent="0.4">
      <c r="C13" s="6" t="s">
        <v>23</v>
      </c>
      <c r="D13" s="6"/>
      <c r="E13" s="6"/>
      <c r="F13" s="6"/>
      <c r="G13" s="7"/>
      <c r="H13" s="7"/>
      <c r="I13" s="7"/>
      <c r="J13" s="2" t="s">
        <v>2</v>
      </c>
      <c r="K13" s="1">
        <v>1</v>
      </c>
      <c r="L13" s="1"/>
      <c r="M13" s="1"/>
    </row>
    <row r="14" spans="2:16" ht="15.95" customHeight="1" x14ac:dyDescent="0.4">
      <c r="C14" s="6" t="s">
        <v>22</v>
      </c>
      <c r="D14" s="6"/>
      <c r="E14" s="6"/>
      <c r="F14" s="6"/>
      <c r="G14" s="7"/>
      <c r="H14" s="7"/>
      <c r="I14" s="7"/>
      <c r="J14" s="2" t="s">
        <v>2</v>
      </c>
      <c r="K14" s="1">
        <v>1</v>
      </c>
      <c r="L14" s="1"/>
      <c r="M14" s="1"/>
    </row>
    <row r="15" spans="2:16" ht="15.95" customHeight="1" x14ac:dyDescent="0.4">
      <c r="C15" s="6" t="s">
        <v>21</v>
      </c>
      <c r="D15" s="6"/>
      <c r="E15" s="6"/>
      <c r="F15" s="6"/>
      <c r="G15" s="7"/>
      <c r="H15" s="7"/>
      <c r="I15" s="7"/>
      <c r="J15" s="2" t="s">
        <v>20</v>
      </c>
      <c r="K15" s="8">
        <v>10000</v>
      </c>
      <c r="L15" s="1"/>
      <c r="M15" s="1"/>
    </row>
    <row r="16" spans="2:16" ht="15.95" customHeight="1" x14ac:dyDescent="0.4">
      <c r="C16" s="6" t="s">
        <v>19</v>
      </c>
      <c r="D16" s="6"/>
      <c r="E16" s="6"/>
      <c r="F16" s="6"/>
      <c r="G16" s="7"/>
      <c r="H16" s="7"/>
      <c r="I16" s="7"/>
      <c r="J16" s="2" t="s">
        <v>18</v>
      </c>
      <c r="K16" s="1"/>
      <c r="L16" s="1"/>
      <c r="M16" s="1"/>
    </row>
    <row r="17" spans="3:13" ht="15.95" customHeight="1" x14ac:dyDescent="0.4">
      <c r="C17" s="6" t="s">
        <v>17</v>
      </c>
      <c r="D17" s="6"/>
      <c r="E17" s="6"/>
      <c r="F17" s="6"/>
      <c r="G17" s="7"/>
      <c r="H17" s="7"/>
      <c r="I17" s="7"/>
      <c r="J17" s="2" t="s">
        <v>2</v>
      </c>
      <c r="K17" s="1">
        <v>1</v>
      </c>
      <c r="L17" s="1"/>
      <c r="M17" s="1"/>
    </row>
    <row r="18" spans="3:13" ht="15.95" customHeight="1" x14ac:dyDescent="0.4">
      <c r="C18" s="6" t="s">
        <v>16</v>
      </c>
      <c r="D18" s="6"/>
      <c r="E18" s="6"/>
      <c r="F18" s="6"/>
      <c r="G18" s="7"/>
      <c r="H18" s="7"/>
      <c r="I18" s="7"/>
      <c r="J18" s="2" t="s">
        <v>2</v>
      </c>
      <c r="K18" s="1">
        <v>1</v>
      </c>
      <c r="L18" s="1"/>
      <c r="M18" s="1"/>
    </row>
    <row r="19" spans="3:13" ht="15.95" customHeight="1" x14ac:dyDescent="0.4">
      <c r="C19" s="6" t="s">
        <v>15</v>
      </c>
      <c r="D19" s="6"/>
      <c r="E19" s="6"/>
      <c r="F19" s="6"/>
      <c r="G19" s="7"/>
      <c r="H19" s="7"/>
      <c r="I19" s="7"/>
      <c r="J19" s="2" t="s">
        <v>2</v>
      </c>
      <c r="K19" s="1">
        <v>1</v>
      </c>
      <c r="L19" s="1"/>
      <c r="M19" s="1"/>
    </row>
    <row r="20" spans="3:13" ht="15.95" customHeight="1" x14ac:dyDescent="0.4">
      <c r="C20" s="6" t="s">
        <v>14</v>
      </c>
      <c r="D20" s="6"/>
      <c r="E20" s="6"/>
      <c r="F20" s="6"/>
      <c r="G20" s="7"/>
      <c r="H20" s="7"/>
      <c r="I20" s="7"/>
      <c r="J20" s="2" t="s">
        <v>2</v>
      </c>
      <c r="K20" s="1">
        <v>1</v>
      </c>
      <c r="L20" s="1"/>
      <c r="M20" s="1"/>
    </row>
    <row r="21" spans="3:13" ht="15.95" customHeight="1" x14ac:dyDescent="0.4">
      <c r="C21" s="6" t="s">
        <v>13</v>
      </c>
      <c r="D21" s="6"/>
      <c r="E21" s="6"/>
      <c r="F21" s="6"/>
      <c r="G21" s="7"/>
      <c r="H21" s="7"/>
      <c r="I21" s="7"/>
      <c r="J21" s="2" t="s">
        <v>2</v>
      </c>
      <c r="K21" s="1">
        <v>1</v>
      </c>
      <c r="L21" s="1"/>
      <c r="M21" s="1"/>
    </row>
    <row r="22" spans="3:13" ht="15.95" customHeight="1" x14ac:dyDescent="0.4">
      <c r="C22" s="6" t="s">
        <v>12</v>
      </c>
      <c r="D22" s="6"/>
      <c r="E22" s="6"/>
      <c r="F22" s="6"/>
      <c r="G22" s="7"/>
      <c r="H22" s="7"/>
      <c r="I22" s="7"/>
      <c r="J22" s="2" t="s">
        <v>2</v>
      </c>
      <c r="K22" s="1">
        <v>1</v>
      </c>
      <c r="L22" s="1"/>
      <c r="M22" s="1"/>
    </row>
    <row r="23" spans="3:13" ht="15.95" customHeight="1" x14ac:dyDescent="0.4">
      <c r="C23" s="6" t="s">
        <v>11</v>
      </c>
      <c r="D23" s="6"/>
      <c r="E23" s="6"/>
      <c r="F23" s="6"/>
      <c r="G23" s="7"/>
      <c r="H23" s="7"/>
      <c r="I23" s="7"/>
      <c r="J23" s="2" t="s">
        <v>2</v>
      </c>
      <c r="K23" s="1">
        <v>1</v>
      </c>
      <c r="L23" s="1"/>
      <c r="M23" s="1"/>
    </row>
    <row r="24" spans="3:13" ht="15.95" customHeight="1" x14ac:dyDescent="0.4">
      <c r="C24" s="6" t="s">
        <v>10</v>
      </c>
      <c r="D24" s="6"/>
      <c r="E24" s="6"/>
      <c r="F24" s="6"/>
      <c r="G24" s="5"/>
      <c r="H24" s="4"/>
      <c r="I24" s="3"/>
      <c r="J24" s="2" t="s">
        <v>2</v>
      </c>
      <c r="K24" s="1">
        <v>1</v>
      </c>
      <c r="L24" s="1"/>
      <c r="M24" s="1"/>
    </row>
    <row r="25" spans="3:13" ht="15.95" customHeight="1" x14ac:dyDescent="0.4">
      <c r="C25" s="6" t="s">
        <v>9</v>
      </c>
      <c r="D25" s="6"/>
      <c r="E25" s="6"/>
      <c r="F25" s="6"/>
      <c r="G25" s="5"/>
      <c r="H25" s="4"/>
      <c r="I25" s="3"/>
      <c r="J25" s="2" t="s">
        <v>2</v>
      </c>
      <c r="K25" s="1">
        <v>1</v>
      </c>
      <c r="L25" s="1"/>
      <c r="M25" s="1"/>
    </row>
    <row r="26" spans="3:13" ht="15.95" customHeight="1" x14ac:dyDescent="0.4">
      <c r="C26" s="6" t="s">
        <v>8</v>
      </c>
      <c r="D26" s="6"/>
      <c r="E26" s="6"/>
      <c r="F26" s="6"/>
      <c r="G26" s="5"/>
      <c r="H26" s="4"/>
      <c r="I26" s="3"/>
      <c r="J26" s="2" t="s">
        <v>2</v>
      </c>
      <c r="K26" s="1">
        <v>1</v>
      </c>
      <c r="L26" s="1"/>
      <c r="M26" s="1"/>
    </row>
    <row r="27" spans="3:13" ht="15.95" customHeight="1" x14ac:dyDescent="0.4">
      <c r="C27" s="6" t="s">
        <v>7</v>
      </c>
      <c r="D27" s="6"/>
      <c r="E27" s="6"/>
      <c r="F27" s="6"/>
      <c r="G27" s="5"/>
      <c r="H27" s="4"/>
      <c r="I27" s="3"/>
      <c r="J27" s="2" t="s">
        <v>2</v>
      </c>
      <c r="K27" s="1">
        <v>1</v>
      </c>
      <c r="L27" s="1"/>
      <c r="M27" s="1"/>
    </row>
    <row r="28" spans="3:13" ht="15.95" customHeight="1" x14ac:dyDescent="0.4">
      <c r="C28" s="6" t="s">
        <v>6</v>
      </c>
      <c r="D28" s="6"/>
      <c r="E28" s="6"/>
      <c r="F28" s="6"/>
      <c r="G28" s="5"/>
      <c r="H28" s="4"/>
      <c r="I28" s="3"/>
      <c r="J28" s="2" t="s">
        <v>2</v>
      </c>
      <c r="K28" s="1">
        <v>1</v>
      </c>
      <c r="L28" s="1"/>
      <c r="M28" s="1"/>
    </row>
    <row r="29" spans="3:13" ht="15.95" customHeight="1" x14ac:dyDescent="0.4">
      <c r="C29" s="6" t="s">
        <v>5</v>
      </c>
      <c r="D29" s="6"/>
      <c r="E29" s="6"/>
      <c r="F29" s="6"/>
      <c r="G29" s="5"/>
      <c r="H29" s="4"/>
      <c r="I29" s="3"/>
      <c r="J29" s="2" t="s">
        <v>2</v>
      </c>
      <c r="K29" s="1">
        <v>1</v>
      </c>
      <c r="L29" s="1"/>
      <c r="M29" s="1"/>
    </row>
    <row r="30" spans="3:13" ht="15.95" customHeight="1" x14ac:dyDescent="0.4">
      <c r="C30" s="6" t="s">
        <v>4</v>
      </c>
      <c r="D30" s="6"/>
      <c r="E30" s="6"/>
      <c r="F30" s="6"/>
      <c r="G30" s="5"/>
      <c r="H30" s="4"/>
      <c r="I30" s="3"/>
      <c r="J30" s="2" t="s">
        <v>2</v>
      </c>
      <c r="K30" s="1">
        <v>1</v>
      </c>
      <c r="L30" s="1"/>
      <c r="M30" s="1"/>
    </row>
    <row r="31" spans="3:13" ht="15.95" customHeight="1" x14ac:dyDescent="0.4">
      <c r="C31" s="6" t="s">
        <v>3</v>
      </c>
      <c r="D31" s="6"/>
      <c r="E31" s="6"/>
      <c r="F31" s="6"/>
      <c r="G31" s="5"/>
      <c r="H31" s="4"/>
      <c r="I31" s="3"/>
      <c r="J31" s="2" t="s">
        <v>2</v>
      </c>
      <c r="K31" s="1">
        <v>1</v>
      </c>
      <c r="L31" s="1"/>
      <c r="M31" s="1"/>
    </row>
    <row r="32" spans="3:13" x14ac:dyDescent="0.4">
      <c r="C32" t="s">
        <v>1</v>
      </c>
    </row>
    <row r="33" spans="3:3" x14ac:dyDescent="0.4">
      <c r="C33" t="s">
        <v>0</v>
      </c>
    </row>
  </sheetData>
  <mergeCells count="48">
    <mergeCell ref="G27:I27"/>
    <mergeCell ref="G28:I28"/>
    <mergeCell ref="G30:I30"/>
    <mergeCell ref="G31:I31"/>
    <mergeCell ref="C28:F28"/>
    <mergeCell ref="C29:F29"/>
    <mergeCell ref="C30:F30"/>
    <mergeCell ref="C31:F31"/>
    <mergeCell ref="G29:I29"/>
    <mergeCell ref="G21:I21"/>
    <mergeCell ref="G23:I23"/>
    <mergeCell ref="C24:F24"/>
    <mergeCell ref="C25:F25"/>
    <mergeCell ref="C26:F26"/>
    <mergeCell ref="C27:F27"/>
    <mergeCell ref="C23:F23"/>
    <mergeCell ref="G24:I24"/>
    <mergeCell ref="G25:I25"/>
    <mergeCell ref="G26:I26"/>
    <mergeCell ref="G16:I16"/>
    <mergeCell ref="G22:I22"/>
    <mergeCell ref="C19:F19"/>
    <mergeCell ref="C20:F20"/>
    <mergeCell ref="C21:F21"/>
    <mergeCell ref="C22:F22"/>
    <mergeCell ref="G17:I17"/>
    <mergeCell ref="G18:I18"/>
    <mergeCell ref="G19:I19"/>
    <mergeCell ref="G20:I20"/>
    <mergeCell ref="L10:L11"/>
    <mergeCell ref="M10:M11"/>
    <mergeCell ref="O10:O11"/>
    <mergeCell ref="C12:F12"/>
    <mergeCell ref="C13:F13"/>
    <mergeCell ref="C14:F14"/>
    <mergeCell ref="G12:I12"/>
    <mergeCell ref="G13:I13"/>
    <mergeCell ref="G14:I14"/>
    <mergeCell ref="F7:K8"/>
    <mergeCell ref="C10:F11"/>
    <mergeCell ref="G10:I11"/>
    <mergeCell ref="J10:J11"/>
    <mergeCell ref="K10:K11"/>
    <mergeCell ref="C18:F18"/>
    <mergeCell ref="C15:F15"/>
    <mergeCell ref="C16:F16"/>
    <mergeCell ref="C17:F17"/>
    <mergeCell ref="G15:I15"/>
  </mergeCells>
  <phoneticPr fontId="1"/>
  <pageMargins left="0.70866141732283472" right="0.70866141732283472" top="0.74803149606299213" bottom="0.74803149606299213" header="0.31496062992125984" footer="0.31496062992125984"/>
  <pageSetup paperSize="9" scale="90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土木工事</vt:lpstr>
      <vt:lpstr>土木工事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上原　幸太</dc:creator>
  <cp:lastModifiedBy>上原　幸太</cp:lastModifiedBy>
  <dcterms:created xsi:type="dcterms:W3CDTF">2026-04-01T07:01:46Z</dcterms:created>
  <dcterms:modified xsi:type="dcterms:W3CDTF">2026-04-01T07:02:50Z</dcterms:modified>
</cp:coreProperties>
</file>